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464\Hedmark IKT\Digitalisering og utvikling - Stange kommune - Prosjekter\Bredbånd\NKOM - søknad 2023\"/>
    </mc:Choice>
  </mc:AlternateContent>
  <bookViews>
    <workbookView xWindow="0" yWindow="0" windowWidth="28800" windowHeight="11775"/>
  </bookViews>
  <sheets>
    <sheet name="features (32)" sheetId="1" r:id="rId1"/>
  </sheets>
  <definedNames>
    <definedName name="_xlnm._FilterDatabase" localSheetId="0" hidden="1">'features (32)'!$A$1:$X$32</definedName>
  </definedNames>
  <calcPr calcId="0"/>
</workbook>
</file>

<file path=xl/sharedStrings.xml><?xml version="1.0" encoding="utf-8"?>
<sst xmlns="http://schemas.openxmlformats.org/spreadsheetml/2006/main" count="505" uniqueCount="212">
  <si>
    <t>FID</t>
  </si>
  <si>
    <t>Ekskludere</t>
  </si>
  <si>
    <t>Område</t>
  </si>
  <si>
    <t>Type</t>
  </si>
  <si>
    <t>Bygningsty</t>
  </si>
  <si>
    <t>BYGNINGSNR</t>
  </si>
  <si>
    <t>Bruksenhet</t>
  </si>
  <si>
    <t>Kommunenr</t>
  </si>
  <si>
    <t>Gnr</t>
  </si>
  <si>
    <t>Bnr</t>
  </si>
  <si>
    <t>Fnr</t>
  </si>
  <si>
    <t>Snr</t>
  </si>
  <si>
    <t>GATENAVN</t>
  </si>
  <si>
    <t>HUSNR</t>
  </si>
  <si>
    <t>BOKSTAV</t>
  </si>
  <si>
    <t>Postnr</t>
  </si>
  <si>
    <t>Poststed</t>
  </si>
  <si>
    <t>Koordinatp</t>
  </si>
  <si>
    <t>Øst</t>
  </si>
  <si>
    <t>Nord</t>
  </si>
  <si>
    <t>Matrikkeln</t>
  </si>
  <si>
    <t>Gårdsbruk</t>
  </si>
  <si>
    <t>x</t>
  </si>
  <si>
    <t>y</t>
  </si>
  <si>
    <t>3 924</t>
  </si>
  <si>
    <t xml:space="preserve"> </t>
  </si>
  <si>
    <t>Hytter, sommerhus ol fritidsbygning</t>
  </si>
  <si>
    <t>H0101</t>
  </si>
  <si>
    <t>Svartnesvegen</t>
  </si>
  <si>
    <t>X: 618933.2 Y:6721960.9</t>
  </si>
  <si>
    <t>618933.2</t>
  </si>
  <si>
    <t>6721960.9</t>
  </si>
  <si>
    <t>3413-163/14/0/0</t>
  </si>
  <si>
    <t>618 933,2</t>
  </si>
  <si>
    <t>6 721 960,9</t>
  </si>
  <si>
    <t>4 089</t>
  </si>
  <si>
    <t>Våningshus</t>
  </si>
  <si>
    <t>X: 619183 Y:6721896</t>
  </si>
  <si>
    <t>3413-162/1/0/0</t>
  </si>
  <si>
    <t>J</t>
  </si>
  <si>
    <t>619 183</t>
  </si>
  <si>
    <t>6 721 896</t>
  </si>
  <si>
    <t>4 090</t>
  </si>
  <si>
    <t>X: 619569 Y:6721681</t>
  </si>
  <si>
    <t>3413-164/1/0/0</t>
  </si>
  <si>
    <t>619 569</t>
  </si>
  <si>
    <t>6 721 681</t>
  </si>
  <si>
    <t>4 091</t>
  </si>
  <si>
    <t>X: 619545 Y:6721667</t>
  </si>
  <si>
    <t>619 545</t>
  </si>
  <si>
    <t>6 721 667</t>
  </si>
  <si>
    <t>4 092</t>
  </si>
  <si>
    <t>X: 619601 Y:6721646</t>
  </si>
  <si>
    <t>619 601</t>
  </si>
  <si>
    <t>6 721 646</t>
  </si>
  <si>
    <t>4 099</t>
  </si>
  <si>
    <t>X: 618529.7 Y:6722361.9</t>
  </si>
  <si>
    <t>618529.7</t>
  </si>
  <si>
    <t>6722361.9</t>
  </si>
  <si>
    <t>3413-43/1/0/0</t>
  </si>
  <si>
    <t>618 529,7</t>
  </si>
  <si>
    <t>6 722 361,9</t>
  </si>
  <si>
    <t>4 100</t>
  </si>
  <si>
    <t>X: 618571.9 Y:6722105</t>
  </si>
  <si>
    <t>618571.9</t>
  </si>
  <si>
    <t>3413-43/2/0/0</t>
  </si>
  <si>
    <t>618 571,9</t>
  </si>
  <si>
    <t>6 722 105</t>
  </si>
  <si>
    <t>4 101</t>
  </si>
  <si>
    <t>X: 618696 Y:6721864</t>
  </si>
  <si>
    <t>3413-163/6/0/0</t>
  </si>
  <si>
    <t>618 696</t>
  </si>
  <si>
    <t>6 721 864</t>
  </si>
  <si>
    <t>4 102</t>
  </si>
  <si>
    <t>Garasje, uthus, anneks til fritidsbolig</t>
  </si>
  <si>
    <t>X: 618724.4 Y:6721856.1</t>
  </si>
  <si>
    <t>618724.4</t>
  </si>
  <si>
    <t>6721856.1</t>
  </si>
  <si>
    <t>3413-163/5/0/0</t>
  </si>
  <si>
    <t>618 724,4</t>
  </si>
  <si>
    <t>6 721 856,1</t>
  </si>
  <si>
    <t>4 103</t>
  </si>
  <si>
    <t>X: 618769 Y:6721798</t>
  </si>
  <si>
    <t>3413-163/10/0/0</t>
  </si>
  <si>
    <t>618 769</t>
  </si>
  <si>
    <t>6 721 798</t>
  </si>
  <si>
    <t>4 104</t>
  </si>
  <si>
    <t>X: 618787 Y:6721739</t>
  </si>
  <si>
    <t>3413-163/11/0/0</t>
  </si>
  <si>
    <t>618 787</t>
  </si>
  <si>
    <t>6 721 739</t>
  </si>
  <si>
    <t>4 105</t>
  </si>
  <si>
    <t>X: 618972 Y:6721575</t>
  </si>
  <si>
    <t>3413-163/3/0/0</t>
  </si>
  <si>
    <t>618 972</t>
  </si>
  <si>
    <t>6 721 575</t>
  </si>
  <si>
    <t>4 106</t>
  </si>
  <si>
    <t>X: 619072 Y:6721516</t>
  </si>
  <si>
    <t>3413-163/4/0/0</t>
  </si>
  <si>
    <t>619 072</t>
  </si>
  <si>
    <t>6 721 516</t>
  </si>
  <si>
    <t>4 107</t>
  </si>
  <si>
    <t>X: 619126 Y:6721516</t>
  </si>
  <si>
    <t>3413-162/3/0/0</t>
  </si>
  <si>
    <t>619 126</t>
  </si>
  <si>
    <t>6 898</t>
  </si>
  <si>
    <t>Enebolig</t>
  </si>
  <si>
    <t>X: 619777 Y:6723006</t>
  </si>
  <si>
    <t>3413-151/8/0/0</t>
  </si>
  <si>
    <t>619 777</t>
  </si>
  <si>
    <t>6 723 006</t>
  </si>
  <si>
    <t>6 921</t>
  </si>
  <si>
    <t>Annen boligbygning (sekundærbolig reindrift)</t>
  </si>
  <si>
    <t>X: 619793 Y:6723089</t>
  </si>
  <si>
    <t>3413-151/23/0/0</t>
  </si>
  <si>
    <t>619 793</t>
  </si>
  <si>
    <t>6 723 089</t>
  </si>
  <si>
    <t>6 922</t>
  </si>
  <si>
    <t>X: 619638 Y:6722722</t>
  </si>
  <si>
    <t>3413-151/3/0/0</t>
  </si>
  <si>
    <t>619 638</t>
  </si>
  <si>
    <t>6 722 722</t>
  </si>
  <si>
    <t>6 923</t>
  </si>
  <si>
    <t>X: 619868 Y:6722841</t>
  </si>
  <si>
    <t>3413-151/19/0/0</t>
  </si>
  <si>
    <t>619 868</t>
  </si>
  <si>
    <t>6 722 841</t>
  </si>
  <si>
    <t>6 932</t>
  </si>
  <si>
    <t>Helårsbolig som benyttes som fritidsbygning</t>
  </si>
  <si>
    <t>Kongspartvegen</t>
  </si>
  <si>
    <t>X: 620376 Y:6721834</t>
  </si>
  <si>
    <t>3413-160/3/0/0</t>
  </si>
  <si>
    <t>620 376</t>
  </si>
  <si>
    <t>6 721 834</t>
  </si>
  <si>
    <t>6 933</t>
  </si>
  <si>
    <t>X: 620189 Y:6721610</t>
  </si>
  <si>
    <t>3413-150/5/0/0</t>
  </si>
  <si>
    <t>620 189</t>
  </si>
  <si>
    <t>6 721 610</t>
  </si>
  <si>
    <t>6 934</t>
  </si>
  <si>
    <t>X: 620099 Y:6721425</t>
  </si>
  <si>
    <t>3413-164/2/0/0</t>
  </si>
  <si>
    <t>620 099</t>
  </si>
  <si>
    <t>6 721 425</t>
  </si>
  <si>
    <t>7 370</t>
  </si>
  <si>
    <t>Vardebergvegen</t>
  </si>
  <si>
    <t>X: 619697 Y:6723628</t>
  </si>
  <si>
    <t>3413-148/1/0/0</t>
  </si>
  <si>
    <t>619 697</t>
  </si>
  <si>
    <t>6 723 628</t>
  </si>
  <si>
    <t>7 371</t>
  </si>
  <si>
    <t>X: 619920 Y:6723558</t>
  </si>
  <si>
    <t>3413-148/2/0/0</t>
  </si>
  <si>
    <t>619 920</t>
  </si>
  <si>
    <t>6 723 558</t>
  </si>
  <si>
    <t>10 916</t>
  </si>
  <si>
    <t>X: 618950.1 Y:6721927.4</t>
  </si>
  <si>
    <t>618950.1</t>
  </si>
  <si>
    <t>6721927.4</t>
  </si>
  <si>
    <t>3413-163/15/0/0</t>
  </si>
  <si>
    <t>618 950,1</t>
  </si>
  <si>
    <t>6 721 927,4</t>
  </si>
  <si>
    <t>10 921</t>
  </si>
  <si>
    <t>X: 618860.7 Y:6721691.3</t>
  </si>
  <si>
    <t>618860.7</t>
  </si>
  <si>
    <t>6721691.3</t>
  </si>
  <si>
    <t>3413-163/1/0/0</t>
  </si>
  <si>
    <t>618 860,7</t>
  </si>
  <si>
    <t>6 721 691,3</t>
  </si>
  <si>
    <t>10 987</t>
  </si>
  <si>
    <t>X: 618970.7 Y:6721895</t>
  </si>
  <si>
    <t>618970.7</t>
  </si>
  <si>
    <t>3413-163/16/0/0</t>
  </si>
  <si>
    <t>618 970,7</t>
  </si>
  <si>
    <t>6 721 895</t>
  </si>
  <si>
    <t>11 652</t>
  </si>
  <si>
    <t>A</t>
  </si>
  <si>
    <t>X: 618811.1 Y:6722050.8</t>
  </si>
  <si>
    <t>618811.1</t>
  </si>
  <si>
    <t>6722050.8</t>
  </si>
  <si>
    <t>3413-163/17/0/0</t>
  </si>
  <si>
    <t>618 811,1</t>
  </si>
  <si>
    <t>6 722 050,8</t>
  </si>
  <si>
    <t>11 937</t>
  </si>
  <si>
    <t>X: 619184.7 Y:6721487.4</t>
  </si>
  <si>
    <t>619184.7</t>
  </si>
  <si>
    <t>6721487.4</t>
  </si>
  <si>
    <t>3413-162/4/0/0</t>
  </si>
  <si>
    <t>619 184,7</t>
  </si>
  <si>
    <t>6 721 487,4</t>
  </si>
  <si>
    <t>11 943</t>
  </si>
  <si>
    <t>B</t>
  </si>
  <si>
    <t>X: 618839.4 Y:6722036.2</t>
  </si>
  <si>
    <t>618839.4</t>
  </si>
  <si>
    <t>6722036.2</t>
  </si>
  <si>
    <t>3413-163/19/0/0</t>
  </si>
  <si>
    <t>618 839,4</t>
  </si>
  <si>
    <t>6 722 036,2</t>
  </si>
  <si>
    <t>12 384</t>
  </si>
  <si>
    <t>X: 618981 Y:6721650.1</t>
  </si>
  <si>
    <t>6721650.1</t>
  </si>
  <si>
    <t>3413-163/20/0/0</t>
  </si>
  <si>
    <t>618 981</t>
  </si>
  <si>
    <t>6 721 650,1</t>
  </si>
  <si>
    <t>12 758</t>
  </si>
  <si>
    <t>E</t>
  </si>
  <si>
    <t>X: 618920 Y:6721985.8</t>
  </si>
  <si>
    <t>6721985.8</t>
  </si>
  <si>
    <t>3413-163/13/0/0</t>
  </si>
  <si>
    <t>618 920</t>
  </si>
  <si>
    <t>6 721 985,8</t>
  </si>
  <si>
    <t>Svenkeru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">
    <xf numFmtId="0" fontId="0" fillId="0" borderId="0" xfId="0"/>
  </cellXfs>
  <cellStyles count="42">
    <cellStyle name="20 % - uthevingsfarge 1" xfId="19" builtinId="30" customBuiltin="1"/>
    <cellStyle name="20 % - uthevingsfarge 2" xfId="23" builtinId="34" customBuiltin="1"/>
    <cellStyle name="20 % - uthevingsfarge 3" xfId="27" builtinId="38" customBuiltin="1"/>
    <cellStyle name="20 % - uthevingsfarge 4" xfId="31" builtinId="42" customBuiltin="1"/>
    <cellStyle name="20 % - uthevingsfarge 5" xfId="35" builtinId="46" customBuiltin="1"/>
    <cellStyle name="20 % - uthevingsfarge 6" xfId="39" builtinId="50" customBuiltin="1"/>
    <cellStyle name="40 % - uthevingsfarge 1" xfId="20" builtinId="31" customBuiltin="1"/>
    <cellStyle name="40 % - uthevingsfarge 2" xfId="24" builtinId="35" customBuiltin="1"/>
    <cellStyle name="40 % - uthevingsfarge 3" xfId="28" builtinId="39" customBuiltin="1"/>
    <cellStyle name="40 % - uthevingsfarge 4" xfId="32" builtinId="43" customBuiltin="1"/>
    <cellStyle name="40 % - uthevingsfarge 5" xfId="36" builtinId="47" customBuiltin="1"/>
    <cellStyle name="40 % - uthevingsfarge 6" xfId="40" builtinId="51" customBuiltin="1"/>
    <cellStyle name="60 % - uthevingsfarge 1" xfId="21" builtinId="32" customBuiltin="1"/>
    <cellStyle name="60 % - uthevingsfarge 2" xfId="25" builtinId="36" customBuiltin="1"/>
    <cellStyle name="60 % - uthevingsfarge 3" xfId="29" builtinId="40" customBuiltin="1"/>
    <cellStyle name="60 % - uthevingsfarge 4" xfId="33" builtinId="44" customBuiltin="1"/>
    <cellStyle name="60 % - uthevingsfarge 5" xfId="37" builtinId="48" customBuiltin="1"/>
    <cellStyle name="60 % - uthevingsfarge 6" xfId="41" builtinId="52" customBuiltin="1"/>
    <cellStyle name="Beregning" xfId="11" builtinId="22" customBuiltin="1"/>
    <cellStyle name="Dårlig" xfId="7" builtinId="27" customBuiltin="1"/>
    <cellStyle name="Forklarende tekst" xfId="16" builtinId="53" customBuiltin="1"/>
    <cellStyle name="God" xfId="6" builtinId="26" customBuiltin="1"/>
    <cellStyle name="Inndata" xfId="9" builtinId="20" customBuiltin="1"/>
    <cellStyle name="Koblet celle" xfId="12" builtinId="24" customBuiltin="1"/>
    <cellStyle name="Kontrollcelle" xfId="13" builtinId="23" customBuiltin="1"/>
    <cellStyle name="Merknad" xfId="15" builtinId="10" customBuiltin="1"/>
    <cellStyle name="Normal" xfId="0" builtinId="0"/>
    <cellStyle name="Nøytral" xfId="8" builtinId="28" customBuiltin="1"/>
    <cellStyle name="Overskrift 1" xfId="2" builtinId="16" customBuiltin="1"/>
    <cellStyle name="Overskrift 2" xfId="3" builtinId="17" customBuiltin="1"/>
    <cellStyle name="Overskrift 3" xfId="4" builtinId="18" customBuiltin="1"/>
    <cellStyle name="Overskrift 4" xfId="5" builtinId="19" customBuiltin="1"/>
    <cellStyle name="Tittel" xfId="1" builtinId="15" customBuiltin="1"/>
    <cellStyle name="Totalt" xfId="17" builtinId="25" customBuiltin="1"/>
    <cellStyle name="Utdata" xfId="10" builtinId="21" customBuiltin="1"/>
    <cellStyle name="Uthevingsfarge1" xfId="18" builtinId="29" customBuiltin="1"/>
    <cellStyle name="Uthevingsfarge2" xfId="22" builtinId="33" customBuiltin="1"/>
    <cellStyle name="Uthevingsfarge3" xfId="26" builtinId="37" customBuiltin="1"/>
    <cellStyle name="Uthevingsfarge4" xfId="30" builtinId="41" customBuiltin="1"/>
    <cellStyle name="Uthevingsfarge5" xfId="34" builtinId="45" customBuiltin="1"/>
    <cellStyle name="Uthevingsfarge6" xfId="38" builtinId="49" customBuiltin="1"/>
    <cellStyle name="Varselteks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32"/>
  <sheetViews>
    <sheetView tabSelected="1" workbookViewId="0">
      <selection sqref="A1:XFD1048576"/>
    </sheetView>
  </sheetViews>
  <sheetFormatPr baseColWidth="10" defaultRowHeight="15" x14ac:dyDescent="0.25"/>
  <cols>
    <col min="1" max="1" width="6.42578125" bestFit="1" customWidth="1"/>
    <col min="2" max="2" width="13" bestFit="1" customWidth="1"/>
    <col min="3" max="3" width="10.42578125" bestFit="1" customWidth="1"/>
    <col min="4" max="4" width="7.5703125" bestFit="1" customWidth="1"/>
    <col min="5" max="5" width="42.5703125" bestFit="1" customWidth="1"/>
    <col min="6" max="6" width="15" bestFit="1" customWidth="1"/>
    <col min="7" max="7" width="13.42578125" bestFit="1" customWidth="1"/>
    <col min="8" max="8" width="14.28515625" bestFit="1" customWidth="1"/>
    <col min="9" max="9" width="6.42578125" bestFit="1" customWidth="1"/>
    <col min="10" max="10" width="6.28515625" bestFit="1" customWidth="1"/>
    <col min="11" max="12" width="6.140625" bestFit="1" customWidth="1"/>
    <col min="13" max="13" width="15.7109375" bestFit="1" customWidth="1"/>
    <col min="14" max="14" width="9.42578125" bestFit="1" customWidth="1"/>
    <col min="15" max="15" width="11.5703125" bestFit="1" customWidth="1"/>
    <col min="16" max="16" width="9" bestFit="1" customWidth="1"/>
    <col min="17" max="17" width="11" bestFit="1" customWidth="1"/>
    <col min="18" max="18" width="21.5703125" bestFit="1" customWidth="1"/>
    <col min="19" max="19" width="8.5703125" bestFit="1" customWidth="1"/>
    <col min="20" max="20" width="9.5703125" bestFit="1" customWidth="1"/>
    <col min="21" max="21" width="15.28515625" bestFit="1" customWidth="1"/>
    <col min="22" max="22" width="12.28515625" bestFit="1" customWidth="1"/>
    <col min="23" max="23" width="9" bestFit="1" customWidth="1"/>
    <col min="24" max="24" width="10.42578125" bestFit="1" customWidth="1"/>
  </cols>
  <sheetData>
    <row r="1" spans="1:24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  <c r="R1" t="s">
        <v>17</v>
      </c>
      <c r="S1" t="s">
        <v>18</v>
      </c>
      <c r="T1" t="s">
        <v>19</v>
      </c>
      <c r="U1" t="s">
        <v>20</v>
      </c>
      <c r="V1" t="s">
        <v>21</v>
      </c>
      <c r="W1" t="s">
        <v>22</v>
      </c>
      <c r="X1" t="s">
        <v>23</v>
      </c>
    </row>
    <row r="2" spans="1:24" x14ac:dyDescent="0.25">
      <c r="A2" t="s">
        <v>24</v>
      </c>
      <c r="B2" t="s">
        <v>22</v>
      </c>
      <c r="C2" t="s">
        <v>211</v>
      </c>
      <c r="D2" t="s">
        <v>25</v>
      </c>
      <c r="E2" t="s">
        <v>26</v>
      </c>
      <c r="F2">
        <v>25087704</v>
      </c>
      <c r="G2" t="s">
        <v>27</v>
      </c>
      <c r="H2">
        <v>3413</v>
      </c>
      <c r="I2">
        <v>163</v>
      </c>
      <c r="J2">
        <v>14</v>
      </c>
      <c r="K2">
        <v>0</v>
      </c>
      <c r="L2">
        <v>0</v>
      </c>
      <c r="M2" t="s">
        <v>28</v>
      </c>
      <c r="N2">
        <v>177</v>
      </c>
      <c r="O2" t="s">
        <v>25</v>
      </c>
      <c r="P2" t="s">
        <v>25</v>
      </c>
      <c r="Q2" t="s">
        <v>25</v>
      </c>
      <c r="R2" t="s">
        <v>29</v>
      </c>
      <c r="S2" t="s">
        <v>30</v>
      </c>
      <c r="T2" t="s">
        <v>31</v>
      </c>
      <c r="U2" t="s">
        <v>32</v>
      </c>
      <c r="V2" t="s">
        <v>25</v>
      </c>
      <c r="W2" t="s">
        <v>33</v>
      </c>
      <c r="X2" t="s">
        <v>34</v>
      </c>
    </row>
    <row r="3" spans="1:24" x14ac:dyDescent="0.25">
      <c r="A3" t="s">
        <v>35</v>
      </c>
      <c r="B3" t="s">
        <v>25</v>
      </c>
      <c r="C3" t="s">
        <v>211</v>
      </c>
      <c r="D3" t="s">
        <v>25</v>
      </c>
      <c r="E3" t="s">
        <v>36</v>
      </c>
      <c r="F3">
        <v>152900341</v>
      </c>
      <c r="G3" t="s">
        <v>27</v>
      </c>
      <c r="H3">
        <v>3413</v>
      </c>
      <c r="I3">
        <v>162</v>
      </c>
      <c r="J3">
        <v>1</v>
      </c>
      <c r="K3">
        <v>0</v>
      </c>
      <c r="L3">
        <v>0</v>
      </c>
      <c r="M3" t="s">
        <v>28</v>
      </c>
      <c r="N3">
        <v>193</v>
      </c>
      <c r="O3" t="s">
        <v>25</v>
      </c>
      <c r="P3" t="s">
        <v>25</v>
      </c>
      <c r="Q3" t="s">
        <v>25</v>
      </c>
      <c r="R3" t="s">
        <v>37</v>
      </c>
      <c r="S3">
        <v>619183</v>
      </c>
      <c r="T3">
        <v>6721896</v>
      </c>
      <c r="U3" t="s">
        <v>38</v>
      </c>
      <c r="V3" t="s">
        <v>39</v>
      </c>
      <c r="W3" t="s">
        <v>40</v>
      </c>
      <c r="X3" t="s">
        <v>41</v>
      </c>
    </row>
    <row r="4" spans="1:24" x14ac:dyDescent="0.25">
      <c r="A4" t="s">
        <v>42</v>
      </c>
      <c r="B4" t="s">
        <v>25</v>
      </c>
      <c r="C4" t="s">
        <v>211</v>
      </c>
      <c r="D4" t="s">
        <v>25</v>
      </c>
      <c r="E4" t="s">
        <v>36</v>
      </c>
      <c r="F4">
        <v>152900414</v>
      </c>
      <c r="G4" t="s">
        <v>27</v>
      </c>
      <c r="H4">
        <v>3413</v>
      </c>
      <c r="I4">
        <v>164</v>
      </c>
      <c r="J4">
        <v>1</v>
      </c>
      <c r="K4">
        <v>0</v>
      </c>
      <c r="L4">
        <v>0</v>
      </c>
      <c r="M4" t="s">
        <v>28</v>
      </c>
      <c r="N4">
        <v>140</v>
      </c>
      <c r="O4" t="s">
        <v>25</v>
      </c>
      <c r="P4" t="s">
        <v>25</v>
      </c>
      <c r="Q4" t="s">
        <v>25</v>
      </c>
      <c r="R4" t="s">
        <v>43</v>
      </c>
      <c r="S4">
        <v>619569</v>
      </c>
      <c r="T4">
        <v>6721681</v>
      </c>
      <c r="U4" t="s">
        <v>44</v>
      </c>
      <c r="V4" t="s">
        <v>39</v>
      </c>
      <c r="W4" t="s">
        <v>45</v>
      </c>
      <c r="X4" t="s">
        <v>46</v>
      </c>
    </row>
    <row r="5" spans="1:24" x14ac:dyDescent="0.25">
      <c r="A5" t="s">
        <v>47</v>
      </c>
      <c r="B5" t="s">
        <v>25</v>
      </c>
      <c r="C5" t="s">
        <v>211</v>
      </c>
      <c r="D5" t="s">
        <v>25</v>
      </c>
      <c r="E5" t="s">
        <v>36</v>
      </c>
      <c r="F5">
        <v>152900422</v>
      </c>
      <c r="G5" t="s">
        <v>27</v>
      </c>
      <c r="H5">
        <v>3413</v>
      </c>
      <c r="I5">
        <v>164</v>
      </c>
      <c r="J5">
        <v>1</v>
      </c>
      <c r="K5">
        <v>0</v>
      </c>
      <c r="L5">
        <v>0</v>
      </c>
      <c r="M5" t="s">
        <v>28</v>
      </c>
      <c r="N5">
        <v>138</v>
      </c>
      <c r="O5" t="s">
        <v>25</v>
      </c>
      <c r="P5" t="s">
        <v>25</v>
      </c>
      <c r="Q5" t="s">
        <v>25</v>
      </c>
      <c r="R5" t="s">
        <v>48</v>
      </c>
      <c r="S5">
        <v>619545</v>
      </c>
      <c r="T5">
        <v>6721667</v>
      </c>
      <c r="U5" t="s">
        <v>44</v>
      </c>
      <c r="V5" t="s">
        <v>39</v>
      </c>
      <c r="W5" t="s">
        <v>49</v>
      </c>
      <c r="X5" t="s">
        <v>50</v>
      </c>
    </row>
    <row r="6" spans="1:24" x14ac:dyDescent="0.25">
      <c r="A6" t="s">
        <v>51</v>
      </c>
      <c r="B6" t="s">
        <v>25</v>
      </c>
      <c r="C6" t="s">
        <v>211</v>
      </c>
      <c r="D6" t="s">
        <v>25</v>
      </c>
      <c r="E6" t="s">
        <v>36</v>
      </c>
      <c r="F6">
        <v>152900430</v>
      </c>
      <c r="G6" t="s">
        <v>27</v>
      </c>
      <c r="H6">
        <v>3413</v>
      </c>
      <c r="I6">
        <v>164</v>
      </c>
      <c r="J6">
        <v>1</v>
      </c>
      <c r="K6">
        <v>0</v>
      </c>
      <c r="L6">
        <v>0</v>
      </c>
      <c r="M6" t="s">
        <v>28</v>
      </c>
      <c r="N6">
        <v>136</v>
      </c>
      <c r="O6" t="s">
        <v>25</v>
      </c>
      <c r="P6" t="s">
        <v>25</v>
      </c>
      <c r="Q6" t="s">
        <v>25</v>
      </c>
      <c r="R6" t="s">
        <v>52</v>
      </c>
      <c r="S6">
        <v>619601</v>
      </c>
      <c r="T6">
        <v>6721646</v>
      </c>
      <c r="U6" t="s">
        <v>44</v>
      </c>
      <c r="V6" t="s">
        <v>39</v>
      </c>
      <c r="W6" t="s">
        <v>53</v>
      </c>
      <c r="X6" t="s">
        <v>54</v>
      </c>
    </row>
    <row r="7" spans="1:24" x14ac:dyDescent="0.25">
      <c r="A7" t="s">
        <v>55</v>
      </c>
      <c r="B7" t="s">
        <v>22</v>
      </c>
      <c r="C7" t="s">
        <v>211</v>
      </c>
      <c r="D7" t="s">
        <v>25</v>
      </c>
      <c r="E7" t="s">
        <v>26</v>
      </c>
      <c r="F7">
        <v>152900015</v>
      </c>
      <c r="G7" t="s">
        <v>27</v>
      </c>
      <c r="H7">
        <v>3413</v>
      </c>
      <c r="I7">
        <v>43</v>
      </c>
      <c r="J7">
        <v>1</v>
      </c>
      <c r="K7">
        <v>0</v>
      </c>
      <c r="L7">
        <v>0</v>
      </c>
      <c r="M7" t="s">
        <v>28</v>
      </c>
      <c r="N7">
        <v>173</v>
      </c>
      <c r="O7" t="s">
        <v>25</v>
      </c>
      <c r="P7" t="s">
        <v>25</v>
      </c>
      <c r="Q7" t="s">
        <v>25</v>
      </c>
      <c r="R7" t="s">
        <v>56</v>
      </c>
      <c r="S7" t="s">
        <v>57</v>
      </c>
      <c r="T7" t="s">
        <v>58</v>
      </c>
      <c r="U7" t="s">
        <v>59</v>
      </c>
      <c r="V7" t="s">
        <v>39</v>
      </c>
      <c r="W7" t="s">
        <v>60</v>
      </c>
      <c r="X7" t="s">
        <v>61</v>
      </c>
    </row>
    <row r="8" spans="1:24" x14ac:dyDescent="0.25">
      <c r="A8" t="s">
        <v>62</v>
      </c>
      <c r="B8" t="s">
        <v>22</v>
      </c>
      <c r="C8" t="s">
        <v>211</v>
      </c>
      <c r="D8" t="s">
        <v>25</v>
      </c>
      <c r="E8" t="s">
        <v>26</v>
      </c>
      <c r="F8">
        <v>152900023</v>
      </c>
      <c r="G8" t="s">
        <v>27</v>
      </c>
      <c r="H8">
        <v>3413</v>
      </c>
      <c r="I8">
        <v>43</v>
      </c>
      <c r="J8">
        <v>2</v>
      </c>
      <c r="K8">
        <v>0</v>
      </c>
      <c r="L8">
        <v>0</v>
      </c>
      <c r="M8" t="s">
        <v>28</v>
      </c>
      <c r="N8">
        <v>171</v>
      </c>
      <c r="O8" t="s">
        <v>25</v>
      </c>
      <c r="P8" t="s">
        <v>25</v>
      </c>
      <c r="Q8" t="s">
        <v>25</v>
      </c>
      <c r="R8" t="s">
        <v>63</v>
      </c>
      <c r="S8" t="s">
        <v>64</v>
      </c>
      <c r="T8">
        <v>6722105</v>
      </c>
      <c r="U8" t="s">
        <v>65</v>
      </c>
      <c r="V8" t="s">
        <v>39</v>
      </c>
      <c r="W8" t="s">
        <v>66</v>
      </c>
      <c r="X8" t="s">
        <v>67</v>
      </c>
    </row>
    <row r="9" spans="1:24" x14ac:dyDescent="0.25">
      <c r="A9" t="s">
        <v>68</v>
      </c>
      <c r="B9" t="s">
        <v>22</v>
      </c>
      <c r="C9" t="s">
        <v>211</v>
      </c>
      <c r="D9" t="s">
        <v>25</v>
      </c>
      <c r="E9" t="s">
        <v>26</v>
      </c>
      <c r="F9">
        <v>152900082</v>
      </c>
      <c r="G9" t="s">
        <v>27</v>
      </c>
      <c r="H9">
        <v>3413</v>
      </c>
      <c r="I9">
        <v>163</v>
      </c>
      <c r="J9">
        <v>6</v>
      </c>
      <c r="K9">
        <v>0</v>
      </c>
      <c r="L9">
        <v>0</v>
      </c>
      <c r="M9" t="s">
        <v>28</v>
      </c>
      <c r="N9">
        <v>270</v>
      </c>
      <c r="O9" t="s">
        <v>25</v>
      </c>
      <c r="P9" t="s">
        <v>25</v>
      </c>
      <c r="Q9" t="s">
        <v>25</v>
      </c>
      <c r="R9" t="s">
        <v>69</v>
      </c>
      <c r="S9">
        <v>618696</v>
      </c>
      <c r="T9">
        <v>6721864</v>
      </c>
      <c r="U9" t="s">
        <v>70</v>
      </c>
      <c r="V9" t="s">
        <v>25</v>
      </c>
      <c r="W9" t="s">
        <v>71</v>
      </c>
      <c r="X9" t="s">
        <v>72</v>
      </c>
    </row>
    <row r="10" spans="1:24" x14ac:dyDescent="0.25">
      <c r="A10" t="s">
        <v>73</v>
      </c>
      <c r="B10" t="s">
        <v>22</v>
      </c>
      <c r="C10" t="s">
        <v>211</v>
      </c>
      <c r="D10" t="s">
        <v>25</v>
      </c>
      <c r="E10" t="s">
        <v>74</v>
      </c>
      <c r="F10">
        <v>152900104</v>
      </c>
      <c r="G10">
        <v>0</v>
      </c>
      <c r="H10">
        <v>3413</v>
      </c>
      <c r="I10">
        <v>163</v>
      </c>
      <c r="J10">
        <v>5</v>
      </c>
      <c r="K10">
        <v>0</v>
      </c>
      <c r="L10">
        <v>0</v>
      </c>
      <c r="M10" t="s">
        <v>28</v>
      </c>
      <c r="N10">
        <v>266</v>
      </c>
      <c r="O10" t="s">
        <v>25</v>
      </c>
      <c r="P10" t="s">
        <v>25</v>
      </c>
      <c r="Q10" t="s">
        <v>25</v>
      </c>
      <c r="R10" t="s">
        <v>75</v>
      </c>
      <c r="S10" t="s">
        <v>76</v>
      </c>
      <c r="T10" t="s">
        <v>77</v>
      </c>
      <c r="U10" t="s">
        <v>78</v>
      </c>
      <c r="V10" t="s">
        <v>25</v>
      </c>
      <c r="W10" t="s">
        <v>79</v>
      </c>
      <c r="X10" t="s">
        <v>80</v>
      </c>
    </row>
    <row r="11" spans="1:24" x14ac:dyDescent="0.25">
      <c r="A11" t="s">
        <v>81</v>
      </c>
      <c r="B11" t="s">
        <v>22</v>
      </c>
      <c r="C11" t="s">
        <v>211</v>
      </c>
      <c r="D11" t="s">
        <v>25</v>
      </c>
      <c r="E11" t="s">
        <v>26</v>
      </c>
      <c r="F11">
        <v>152900120</v>
      </c>
      <c r="G11" t="s">
        <v>27</v>
      </c>
      <c r="H11">
        <v>3413</v>
      </c>
      <c r="I11">
        <v>163</v>
      </c>
      <c r="J11">
        <v>10</v>
      </c>
      <c r="K11">
        <v>0</v>
      </c>
      <c r="L11">
        <v>0</v>
      </c>
      <c r="M11" t="s">
        <v>28</v>
      </c>
      <c r="N11">
        <v>264</v>
      </c>
      <c r="O11" t="s">
        <v>25</v>
      </c>
      <c r="P11" t="s">
        <v>25</v>
      </c>
      <c r="Q11" t="s">
        <v>25</v>
      </c>
      <c r="R11" t="s">
        <v>82</v>
      </c>
      <c r="S11">
        <v>618769</v>
      </c>
      <c r="T11">
        <v>6721798</v>
      </c>
      <c r="U11" t="s">
        <v>83</v>
      </c>
      <c r="V11" t="s">
        <v>25</v>
      </c>
      <c r="W11" t="s">
        <v>84</v>
      </c>
      <c r="X11" t="s">
        <v>85</v>
      </c>
    </row>
    <row r="12" spans="1:24" x14ac:dyDescent="0.25">
      <c r="A12" t="s">
        <v>86</v>
      </c>
      <c r="B12" t="s">
        <v>22</v>
      </c>
      <c r="C12" t="s">
        <v>211</v>
      </c>
      <c r="D12" t="s">
        <v>25</v>
      </c>
      <c r="E12" t="s">
        <v>26</v>
      </c>
      <c r="F12">
        <v>152900163</v>
      </c>
      <c r="G12" t="s">
        <v>27</v>
      </c>
      <c r="H12">
        <v>3413</v>
      </c>
      <c r="I12">
        <v>163</v>
      </c>
      <c r="J12">
        <v>11</v>
      </c>
      <c r="K12">
        <v>0</v>
      </c>
      <c r="L12">
        <v>0</v>
      </c>
      <c r="M12" t="s">
        <v>28</v>
      </c>
      <c r="N12">
        <v>254</v>
      </c>
      <c r="O12" t="s">
        <v>25</v>
      </c>
      <c r="P12" t="s">
        <v>25</v>
      </c>
      <c r="Q12" t="s">
        <v>25</v>
      </c>
      <c r="R12" t="s">
        <v>87</v>
      </c>
      <c r="S12">
        <v>618787</v>
      </c>
      <c r="T12">
        <v>6721739</v>
      </c>
      <c r="U12" t="s">
        <v>88</v>
      </c>
      <c r="V12" t="s">
        <v>25</v>
      </c>
      <c r="W12" t="s">
        <v>89</v>
      </c>
      <c r="X12" t="s">
        <v>90</v>
      </c>
    </row>
    <row r="13" spans="1:24" x14ac:dyDescent="0.25">
      <c r="A13" t="s">
        <v>91</v>
      </c>
      <c r="B13" t="s">
        <v>22</v>
      </c>
      <c r="C13" t="s">
        <v>211</v>
      </c>
      <c r="D13" t="s">
        <v>25</v>
      </c>
      <c r="E13" t="s">
        <v>26</v>
      </c>
      <c r="F13">
        <v>152900236</v>
      </c>
      <c r="G13" t="s">
        <v>27</v>
      </c>
      <c r="H13">
        <v>3413</v>
      </c>
      <c r="I13">
        <v>163</v>
      </c>
      <c r="J13">
        <v>3</v>
      </c>
      <c r="K13">
        <v>0</v>
      </c>
      <c r="L13">
        <v>0</v>
      </c>
      <c r="M13" t="s">
        <v>28</v>
      </c>
      <c r="N13">
        <v>230</v>
      </c>
      <c r="O13" t="s">
        <v>25</v>
      </c>
      <c r="P13" t="s">
        <v>25</v>
      </c>
      <c r="Q13" t="s">
        <v>25</v>
      </c>
      <c r="R13" t="s">
        <v>92</v>
      </c>
      <c r="S13">
        <v>618972</v>
      </c>
      <c r="T13">
        <v>6721575</v>
      </c>
      <c r="U13" t="s">
        <v>93</v>
      </c>
      <c r="V13" t="s">
        <v>25</v>
      </c>
      <c r="W13" t="s">
        <v>94</v>
      </c>
      <c r="X13" t="s">
        <v>95</v>
      </c>
    </row>
    <row r="14" spans="1:24" x14ac:dyDescent="0.25">
      <c r="A14" t="s">
        <v>96</v>
      </c>
      <c r="B14" t="s">
        <v>22</v>
      </c>
      <c r="C14" t="s">
        <v>211</v>
      </c>
      <c r="D14" t="s">
        <v>25</v>
      </c>
      <c r="E14" t="s">
        <v>26</v>
      </c>
      <c r="F14">
        <v>152900295</v>
      </c>
      <c r="G14" t="s">
        <v>27</v>
      </c>
      <c r="H14">
        <v>3413</v>
      </c>
      <c r="I14">
        <v>163</v>
      </c>
      <c r="J14">
        <v>4</v>
      </c>
      <c r="K14">
        <v>0</v>
      </c>
      <c r="L14">
        <v>0</v>
      </c>
      <c r="M14" t="s">
        <v>28</v>
      </c>
      <c r="N14">
        <v>202</v>
      </c>
      <c r="O14" t="s">
        <v>25</v>
      </c>
      <c r="P14" t="s">
        <v>25</v>
      </c>
      <c r="Q14" t="s">
        <v>25</v>
      </c>
      <c r="R14" t="s">
        <v>97</v>
      </c>
      <c r="S14">
        <v>619072</v>
      </c>
      <c r="T14">
        <v>6721516</v>
      </c>
      <c r="U14" t="s">
        <v>98</v>
      </c>
      <c r="V14" t="s">
        <v>25</v>
      </c>
      <c r="W14" t="s">
        <v>99</v>
      </c>
      <c r="X14" t="s">
        <v>100</v>
      </c>
    </row>
    <row r="15" spans="1:24" x14ac:dyDescent="0.25">
      <c r="A15" t="s">
        <v>101</v>
      </c>
      <c r="B15" t="s">
        <v>22</v>
      </c>
      <c r="C15" t="s">
        <v>211</v>
      </c>
      <c r="D15" t="s">
        <v>25</v>
      </c>
      <c r="E15" t="s">
        <v>26</v>
      </c>
      <c r="F15">
        <v>152900309</v>
      </c>
      <c r="G15" t="s">
        <v>27</v>
      </c>
      <c r="H15">
        <v>3413</v>
      </c>
      <c r="I15">
        <v>162</v>
      </c>
      <c r="J15">
        <v>3</v>
      </c>
      <c r="K15">
        <v>0</v>
      </c>
      <c r="L15">
        <v>0</v>
      </c>
      <c r="M15" t="s">
        <v>28</v>
      </c>
      <c r="N15">
        <v>200</v>
      </c>
      <c r="O15" t="s">
        <v>25</v>
      </c>
      <c r="P15" t="s">
        <v>25</v>
      </c>
      <c r="Q15" t="s">
        <v>25</v>
      </c>
      <c r="R15" t="s">
        <v>102</v>
      </c>
      <c r="S15">
        <v>619126</v>
      </c>
      <c r="T15">
        <v>6721516</v>
      </c>
      <c r="U15" t="s">
        <v>103</v>
      </c>
      <c r="V15" t="s">
        <v>25</v>
      </c>
      <c r="W15" t="s">
        <v>104</v>
      </c>
      <c r="X15" t="s">
        <v>100</v>
      </c>
    </row>
    <row r="16" spans="1:24" x14ac:dyDescent="0.25">
      <c r="A16" t="s">
        <v>105</v>
      </c>
      <c r="B16" t="s">
        <v>25</v>
      </c>
      <c r="C16" t="s">
        <v>211</v>
      </c>
      <c r="D16" t="s">
        <v>25</v>
      </c>
      <c r="E16" t="s">
        <v>106</v>
      </c>
      <c r="F16">
        <v>152960670</v>
      </c>
      <c r="G16" t="s">
        <v>27</v>
      </c>
      <c r="H16">
        <v>3413</v>
      </c>
      <c r="I16">
        <v>151</v>
      </c>
      <c r="J16">
        <v>8</v>
      </c>
      <c r="K16">
        <v>0</v>
      </c>
      <c r="L16">
        <v>0</v>
      </c>
      <c r="M16" t="s">
        <v>28</v>
      </c>
      <c r="N16">
        <v>83</v>
      </c>
      <c r="O16" t="s">
        <v>25</v>
      </c>
      <c r="P16" t="s">
        <v>25</v>
      </c>
      <c r="Q16" t="s">
        <v>25</v>
      </c>
      <c r="R16" t="s">
        <v>107</v>
      </c>
      <c r="S16">
        <v>619777</v>
      </c>
      <c r="T16">
        <v>6723006</v>
      </c>
      <c r="U16" t="s">
        <v>108</v>
      </c>
      <c r="V16" t="s">
        <v>39</v>
      </c>
      <c r="W16" t="s">
        <v>109</v>
      </c>
      <c r="X16" t="s">
        <v>110</v>
      </c>
    </row>
    <row r="17" spans="1:24" x14ac:dyDescent="0.25">
      <c r="A17" t="s">
        <v>111</v>
      </c>
      <c r="B17" t="s">
        <v>22</v>
      </c>
      <c r="C17" t="s">
        <v>211</v>
      </c>
      <c r="D17" t="s">
        <v>25</v>
      </c>
      <c r="E17" t="s">
        <v>112</v>
      </c>
      <c r="F17">
        <v>152960638</v>
      </c>
      <c r="G17">
        <v>0</v>
      </c>
      <c r="H17">
        <v>3413</v>
      </c>
      <c r="I17">
        <v>151</v>
      </c>
      <c r="J17">
        <v>23</v>
      </c>
      <c r="K17">
        <v>0</v>
      </c>
      <c r="L17">
        <v>0</v>
      </c>
      <c r="M17" t="s">
        <v>28</v>
      </c>
      <c r="N17">
        <v>81</v>
      </c>
      <c r="O17" t="s">
        <v>25</v>
      </c>
      <c r="P17" t="s">
        <v>25</v>
      </c>
      <c r="Q17" t="s">
        <v>25</v>
      </c>
      <c r="R17" t="s">
        <v>113</v>
      </c>
      <c r="S17">
        <v>619793</v>
      </c>
      <c r="T17">
        <v>6723089</v>
      </c>
      <c r="U17" t="s">
        <v>114</v>
      </c>
      <c r="V17" t="s">
        <v>25</v>
      </c>
      <c r="W17" t="s">
        <v>115</v>
      </c>
      <c r="X17" t="s">
        <v>116</v>
      </c>
    </row>
    <row r="18" spans="1:24" x14ac:dyDescent="0.25">
      <c r="A18" t="s">
        <v>117</v>
      </c>
      <c r="B18" t="s">
        <v>22</v>
      </c>
      <c r="C18" t="s">
        <v>211</v>
      </c>
      <c r="D18" t="s">
        <v>25</v>
      </c>
      <c r="E18" t="s">
        <v>112</v>
      </c>
      <c r="F18">
        <v>152960700</v>
      </c>
      <c r="G18">
        <v>0</v>
      </c>
      <c r="H18">
        <v>3413</v>
      </c>
      <c r="I18">
        <v>151</v>
      </c>
      <c r="J18">
        <v>3</v>
      </c>
      <c r="K18">
        <v>0</v>
      </c>
      <c r="L18">
        <v>0</v>
      </c>
      <c r="M18" t="s">
        <v>28</v>
      </c>
      <c r="N18">
        <v>99</v>
      </c>
      <c r="O18" t="s">
        <v>25</v>
      </c>
      <c r="P18" t="s">
        <v>25</v>
      </c>
      <c r="Q18" t="s">
        <v>25</v>
      </c>
      <c r="R18" t="s">
        <v>118</v>
      </c>
      <c r="S18">
        <v>619638</v>
      </c>
      <c r="T18">
        <v>6722722</v>
      </c>
      <c r="U18" t="s">
        <v>119</v>
      </c>
      <c r="V18" t="s">
        <v>39</v>
      </c>
      <c r="W18" t="s">
        <v>120</v>
      </c>
      <c r="X18" t="s">
        <v>121</v>
      </c>
    </row>
    <row r="19" spans="1:24" x14ac:dyDescent="0.25">
      <c r="A19" t="s">
        <v>122</v>
      </c>
      <c r="B19" t="s">
        <v>22</v>
      </c>
      <c r="C19" t="s">
        <v>211</v>
      </c>
      <c r="D19" t="s">
        <v>25</v>
      </c>
      <c r="E19" t="s">
        <v>112</v>
      </c>
      <c r="F19">
        <v>152960719</v>
      </c>
      <c r="G19">
        <v>0</v>
      </c>
      <c r="H19">
        <v>3413</v>
      </c>
      <c r="I19">
        <v>151</v>
      </c>
      <c r="J19">
        <v>19</v>
      </c>
      <c r="K19">
        <v>0</v>
      </c>
      <c r="L19">
        <v>0</v>
      </c>
      <c r="M19" t="s">
        <v>28</v>
      </c>
      <c r="N19">
        <v>79</v>
      </c>
      <c r="O19" t="s">
        <v>25</v>
      </c>
      <c r="P19" t="s">
        <v>25</v>
      </c>
      <c r="Q19" t="s">
        <v>25</v>
      </c>
      <c r="R19" t="s">
        <v>123</v>
      </c>
      <c r="S19">
        <v>619868</v>
      </c>
      <c r="T19">
        <v>6722841</v>
      </c>
      <c r="U19" t="s">
        <v>124</v>
      </c>
      <c r="V19" t="s">
        <v>25</v>
      </c>
      <c r="W19" t="s">
        <v>125</v>
      </c>
      <c r="X19" t="s">
        <v>126</v>
      </c>
    </row>
    <row r="20" spans="1:24" x14ac:dyDescent="0.25">
      <c r="A20" t="s">
        <v>127</v>
      </c>
      <c r="B20" t="s">
        <v>22</v>
      </c>
      <c r="C20" t="s">
        <v>211</v>
      </c>
      <c r="D20" t="s">
        <v>25</v>
      </c>
      <c r="E20" t="s">
        <v>128</v>
      </c>
      <c r="F20">
        <v>152961286</v>
      </c>
      <c r="G20" t="s">
        <v>27</v>
      </c>
      <c r="H20">
        <v>3413</v>
      </c>
      <c r="I20">
        <v>160</v>
      </c>
      <c r="J20">
        <v>3</v>
      </c>
      <c r="K20">
        <v>0</v>
      </c>
      <c r="L20">
        <v>0</v>
      </c>
      <c r="M20" t="s">
        <v>129</v>
      </c>
      <c r="N20">
        <v>770</v>
      </c>
      <c r="O20" t="s">
        <v>25</v>
      </c>
      <c r="P20" t="s">
        <v>25</v>
      </c>
      <c r="Q20" t="s">
        <v>25</v>
      </c>
      <c r="R20" t="s">
        <v>130</v>
      </c>
      <c r="S20">
        <v>620376</v>
      </c>
      <c r="T20">
        <v>6721834</v>
      </c>
      <c r="U20" t="s">
        <v>131</v>
      </c>
      <c r="V20" t="s">
        <v>25</v>
      </c>
      <c r="W20" t="s">
        <v>132</v>
      </c>
      <c r="X20" t="s">
        <v>133</v>
      </c>
    </row>
    <row r="21" spans="1:24" x14ac:dyDescent="0.25">
      <c r="A21" t="s">
        <v>134</v>
      </c>
      <c r="B21" t="s">
        <v>25</v>
      </c>
      <c r="C21" t="s">
        <v>211</v>
      </c>
      <c r="D21" t="s">
        <v>25</v>
      </c>
      <c r="E21" t="s">
        <v>106</v>
      </c>
      <c r="F21">
        <v>152961332</v>
      </c>
      <c r="G21" t="s">
        <v>27</v>
      </c>
      <c r="H21">
        <v>3413</v>
      </c>
      <c r="I21">
        <v>150</v>
      </c>
      <c r="J21">
        <v>5</v>
      </c>
      <c r="K21">
        <v>0</v>
      </c>
      <c r="L21">
        <v>0</v>
      </c>
      <c r="M21" t="s">
        <v>129</v>
      </c>
      <c r="N21">
        <v>768</v>
      </c>
      <c r="O21" t="s">
        <v>25</v>
      </c>
      <c r="P21" t="s">
        <v>25</v>
      </c>
      <c r="Q21" t="s">
        <v>25</v>
      </c>
      <c r="R21" t="s">
        <v>135</v>
      </c>
      <c r="S21">
        <v>620189</v>
      </c>
      <c r="T21">
        <v>6721610</v>
      </c>
      <c r="U21" t="s">
        <v>136</v>
      </c>
      <c r="V21" t="s">
        <v>39</v>
      </c>
      <c r="W21" t="s">
        <v>137</v>
      </c>
      <c r="X21" t="s">
        <v>138</v>
      </c>
    </row>
    <row r="22" spans="1:24" x14ac:dyDescent="0.25">
      <c r="A22" t="s">
        <v>139</v>
      </c>
      <c r="B22" t="s">
        <v>25</v>
      </c>
      <c r="C22" t="s">
        <v>211</v>
      </c>
      <c r="D22" t="s">
        <v>25</v>
      </c>
      <c r="E22" t="s">
        <v>106</v>
      </c>
      <c r="F22">
        <v>152961340</v>
      </c>
      <c r="G22" t="s">
        <v>27</v>
      </c>
      <c r="H22">
        <v>3413</v>
      </c>
      <c r="I22">
        <v>164</v>
      </c>
      <c r="J22">
        <v>2</v>
      </c>
      <c r="K22">
        <v>0</v>
      </c>
      <c r="L22">
        <v>0</v>
      </c>
      <c r="M22" t="s">
        <v>129</v>
      </c>
      <c r="N22">
        <v>766</v>
      </c>
      <c r="O22" t="s">
        <v>25</v>
      </c>
      <c r="P22" t="s">
        <v>25</v>
      </c>
      <c r="Q22" t="s">
        <v>25</v>
      </c>
      <c r="R22" t="s">
        <v>140</v>
      </c>
      <c r="S22">
        <v>620099</v>
      </c>
      <c r="T22">
        <v>6721425</v>
      </c>
      <c r="U22" t="s">
        <v>141</v>
      </c>
      <c r="V22" t="s">
        <v>39</v>
      </c>
      <c r="W22" t="s">
        <v>142</v>
      </c>
      <c r="X22" t="s">
        <v>143</v>
      </c>
    </row>
    <row r="23" spans="1:24" x14ac:dyDescent="0.25">
      <c r="A23" t="s">
        <v>144</v>
      </c>
      <c r="B23" t="s">
        <v>25</v>
      </c>
      <c r="C23" t="s">
        <v>211</v>
      </c>
      <c r="D23" t="s">
        <v>25</v>
      </c>
      <c r="E23" t="s">
        <v>36</v>
      </c>
      <c r="F23">
        <v>152973373</v>
      </c>
      <c r="G23" t="s">
        <v>27</v>
      </c>
      <c r="H23">
        <v>3413</v>
      </c>
      <c r="I23">
        <v>148</v>
      </c>
      <c r="J23">
        <v>1</v>
      </c>
      <c r="K23">
        <v>0</v>
      </c>
      <c r="L23">
        <v>0</v>
      </c>
      <c r="M23" t="s">
        <v>145</v>
      </c>
      <c r="N23">
        <v>369</v>
      </c>
      <c r="O23" t="s">
        <v>25</v>
      </c>
      <c r="P23" t="s">
        <v>25</v>
      </c>
      <c r="Q23" t="s">
        <v>25</v>
      </c>
      <c r="R23" t="s">
        <v>146</v>
      </c>
      <c r="S23">
        <v>619697</v>
      </c>
      <c r="T23">
        <v>6723628</v>
      </c>
      <c r="U23" t="s">
        <v>147</v>
      </c>
      <c r="V23" t="s">
        <v>39</v>
      </c>
      <c r="W23" t="s">
        <v>148</v>
      </c>
      <c r="X23" t="s">
        <v>149</v>
      </c>
    </row>
    <row r="24" spans="1:24" x14ac:dyDescent="0.25">
      <c r="A24" t="s">
        <v>150</v>
      </c>
      <c r="B24" t="s">
        <v>25</v>
      </c>
      <c r="C24" t="s">
        <v>211</v>
      </c>
      <c r="D24" t="s">
        <v>25</v>
      </c>
      <c r="E24" t="s">
        <v>106</v>
      </c>
      <c r="F24">
        <v>152973403</v>
      </c>
      <c r="G24" t="s">
        <v>27</v>
      </c>
      <c r="H24">
        <v>3413</v>
      </c>
      <c r="I24">
        <v>148</v>
      </c>
      <c r="J24">
        <v>2</v>
      </c>
      <c r="K24">
        <v>0</v>
      </c>
      <c r="L24">
        <v>0</v>
      </c>
      <c r="M24" t="s">
        <v>145</v>
      </c>
      <c r="N24">
        <v>371</v>
      </c>
      <c r="O24" t="s">
        <v>25</v>
      </c>
      <c r="P24" t="s">
        <v>25</v>
      </c>
      <c r="Q24" t="s">
        <v>25</v>
      </c>
      <c r="R24" t="s">
        <v>151</v>
      </c>
      <c r="S24">
        <v>619920</v>
      </c>
      <c r="T24">
        <v>6723558</v>
      </c>
      <c r="U24" t="s">
        <v>152</v>
      </c>
      <c r="V24" t="s">
        <v>25</v>
      </c>
      <c r="W24" t="s">
        <v>153</v>
      </c>
      <c r="X24" t="s">
        <v>154</v>
      </c>
    </row>
    <row r="25" spans="1:24" x14ac:dyDescent="0.25">
      <c r="A25" t="s">
        <v>155</v>
      </c>
      <c r="B25" t="s">
        <v>22</v>
      </c>
      <c r="C25" t="s">
        <v>211</v>
      </c>
      <c r="D25" t="s">
        <v>25</v>
      </c>
      <c r="E25" t="s">
        <v>26</v>
      </c>
      <c r="F25">
        <v>300070909</v>
      </c>
      <c r="G25" t="s">
        <v>27</v>
      </c>
      <c r="H25">
        <v>3413</v>
      </c>
      <c r="I25">
        <v>163</v>
      </c>
      <c r="J25">
        <v>15</v>
      </c>
      <c r="K25">
        <v>0</v>
      </c>
      <c r="L25">
        <v>0</v>
      </c>
      <c r="M25" t="s">
        <v>28</v>
      </c>
      <c r="N25">
        <v>179</v>
      </c>
      <c r="O25" t="s">
        <v>25</v>
      </c>
      <c r="P25" t="s">
        <v>25</v>
      </c>
      <c r="Q25" t="s">
        <v>25</v>
      </c>
      <c r="R25" t="s">
        <v>156</v>
      </c>
      <c r="S25" t="s">
        <v>157</v>
      </c>
      <c r="T25" t="s">
        <v>158</v>
      </c>
      <c r="U25" t="s">
        <v>159</v>
      </c>
      <c r="V25" t="s">
        <v>25</v>
      </c>
      <c r="W25" t="s">
        <v>160</v>
      </c>
      <c r="X25" t="s">
        <v>161</v>
      </c>
    </row>
    <row r="26" spans="1:24" x14ac:dyDescent="0.25">
      <c r="A26" t="s">
        <v>162</v>
      </c>
      <c r="B26" t="s">
        <v>22</v>
      </c>
      <c r="C26" t="s">
        <v>211</v>
      </c>
      <c r="D26" t="s">
        <v>25</v>
      </c>
      <c r="E26" t="s">
        <v>26</v>
      </c>
      <c r="F26">
        <v>300076040</v>
      </c>
      <c r="G26" t="s">
        <v>27</v>
      </c>
      <c r="H26">
        <v>3413</v>
      </c>
      <c r="I26">
        <v>163</v>
      </c>
      <c r="J26">
        <v>1</v>
      </c>
      <c r="K26">
        <v>0</v>
      </c>
      <c r="L26">
        <v>0</v>
      </c>
      <c r="M26" t="s">
        <v>28</v>
      </c>
      <c r="N26">
        <v>250</v>
      </c>
      <c r="O26" t="s">
        <v>25</v>
      </c>
      <c r="P26" t="s">
        <v>25</v>
      </c>
      <c r="Q26" t="s">
        <v>25</v>
      </c>
      <c r="R26" t="s">
        <v>163</v>
      </c>
      <c r="S26" t="s">
        <v>164</v>
      </c>
      <c r="T26" t="s">
        <v>165</v>
      </c>
      <c r="U26" t="s">
        <v>166</v>
      </c>
      <c r="V26" t="s">
        <v>39</v>
      </c>
      <c r="W26" t="s">
        <v>167</v>
      </c>
      <c r="X26" t="s">
        <v>168</v>
      </c>
    </row>
    <row r="27" spans="1:24" x14ac:dyDescent="0.25">
      <c r="A27" t="s">
        <v>169</v>
      </c>
      <c r="B27" t="s">
        <v>22</v>
      </c>
      <c r="C27" t="s">
        <v>211</v>
      </c>
      <c r="D27" t="s">
        <v>25</v>
      </c>
      <c r="E27" t="s">
        <v>26</v>
      </c>
      <c r="F27">
        <v>300141731</v>
      </c>
      <c r="G27" t="s">
        <v>27</v>
      </c>
      <c r="H27">
        <v>3413</v>
      </c>
      <c r="I27">
        <v>163</v>
      </c>
      <c r="J27">
        <v>16</v>
      </c>
      <c r="K27">
        <v>0</v>
      </c>
      <c r="L27">
        <v>0</v>
      </c>
      <c r="M27" t="s">
        <v>28</v>
      </c>
      <c r="N27">
        <v>181</v>
      </c>
      <c r="O27" t="s">
        <v>25</v>
      </c>
      <c r="P27" t="s">
        <v>25</v>
      </c>
      <c r="Q27" t="s">
        <v>25</v>
      </c>
      <c r="R27" t="s">
        <v>170</v>
      </c>
      <c r="S27" t="s">
        <v>171</v>
      </c>
      <c r="T27">
        <v>6721895</v>
      </c>
      <c r="U27" t="s">
        <v>172</v>
      </c>
      <c r="V27" t="s">
        <v>25</v>
      </c>
      <c r="W27" t="s">
        <v>173</v>
      </c>
      <c r="X27" t="s">
        <v>174</v>
      </c>
    </row>
    <row r="28" spans="1:24" x14ac:dyDescent="0.25">
      <c r="A28" t="s">
        <v>175</v>
      </c>
      <c r="B28" t="s">
        <v>22</v>
      </c>
      <c r="C28" t="s">
        <v>211</v>
      </c>
      <c r="D28" t="s">
        <v>25</v>
      </c>
      <c r="E28" t="s">
        <v>26</v>
      </c>
      <c r="F28">
        <v>300460204</v>
      </c>
      <c r="G28" t="s">
        <v>27</v>
      </c>
      <c r="H28">
        <v>3413</v>
      </c>
      <c r="I28">
        <v>163</v>
      </c>
      <c r="J28">
        <v>17</v>
      </c>
      <c r="K28">
        <v>0</v>
      </c>
      <c r="L28">
        <v>0</v>
      </c>
      <c r="M28" t="s">
        <v>28</v>
      </c>
      <c r="N28">
        <v>175</v>
      </c>
      <c r="O28" t="s">
        <v>176</v>
      </c>
      <c r="P28" t="s">
        <v>25</v>
      </c>
      <c r="Q28" t="s">
        <v>25</v>
      </c>
      <c r="R28" t="s">
        <v>177</v>
      </c>
      <c r="S28" t="s">
        <v>178</v>
      </c>
      <c r="T28" t="s">
        <v>179</v>
      </c>
      <c r="U28" t="s">
        <v>180</v>
      </c>
      <c r="V28" t="s">
        <v>25</v>
      </c>
      <c r="W28" t="s">
        <v>181</v>
      </c>
      <c r="X28" t="s">
        <v>182</v>
      </c>
    </row>
    <row r="29" spans="1:24" x14ac:dyDescent="0.25">
      <c r="A29" t="s">
        <v>183</v>
      </c>
      <c r="B29" t="s">
        <v>22</v>
      </c>
      <c r="C29" t="s">
        <v>211</v>
      </c>
      <c r="D29" t="s">
        <v>25</v>
      </c>
      <c r="E29" t="s">
        <v>26</v>
      </c>
      <c r="F29">
        <v>300552682</v>
      </c>
      <c r="G29" t="s">
        <v>27</v>
      </c>
      <c r="H29">
        <v>3413</v>
      </c>
      <c r="I29">
        <v>162</v>
      </c>
      <c r="J29">
        <v>4</v>
      </c>
      <c r="K29">
        <v>0</v>
      </c>
      <c r="L29">
        <v>0</v>
      </c>
      <c r="M29" t="s">
        <v>28</v>
      </c>
      <c r="N29">
        <v>198</v>
      </c>
      <c r="O29" t="s">
        <v>25</v>
      </c>
      <c r="P29" t="s">
        <v>25</v>
      </c>
      <c r="Q29" t="s">
        <v>25</v>
      </c>
      <c r="R29" t="s">
        <v>184</v>
      </c>
      <c r="S29" t="s">
        <v>185</v>
      </c>
      <c r="T29" t="s">
        <v>186</v>
      </c>
      <c r="U29" t="s">
        <v>187</v>
      </c>
      <c r="V29" t="s">
        <v>25</v>
      </c>
      <c r="W29" t="s">
        <v>188</v>
      </c>
      <c r="X29" t="s">
        <v>189</v>
      </c>
    </row>
    <row r="30" spans="1:24" x14ac:dyDescent="0.25">
      <c r="A30" t="s">
        <v>190</v>
      </c>
      <c r="B30" t="s">
        <v>22</v>
      </c>
      <c r="C30" t="s">
        <v>211</v>
      </c>
      <c r="D30" t="s">
        <v>25</v>
      </c>
      <c r="E30" t="s">
        <v>26</v>
      </c>
      <c r="F30">
        <v>300553795</v>
      </c>
      <c r="G30" t="s">
        <v>27</v>
      </c>
      <c r="H30">
        <v>3413</v>
      </c>
      <c r="I30">
        <v>163</v>
      </c>
      <c r="J30">
        <v>19</v>
      </c>
      <c r="K30">
        <v>0</v>
      </c>
      <c r="L30">
        <v>0</v>
      </c>
      <c r="M30" t="s">
        <v>28</v>
      </c>
      <c r="N30">
        <v>175</v>
      </c>
      <c r="O30" t="s">
        <v>191</v>
      </c>
      <c r="P30" t="s">
        <v>25</v>
      </c>
      <c r="Q30" t="s">
        <v>25</v>
      </c>
      <c r="R30" t="s">
        <v>192</v>
      </c>
      <c r="S30" t="s">
        <v>193</v>
      </c>
      <c r="T30" t="s">
        <v>194</v>
      </c>
      <c r="U30" t="s">
        <v>195</v>
      </c>
      <c r="V30" t="s">
        <v>25</v>
      </c>
      <c r="W30" t="s">
        <v>196</v>
      </c>
      <c r="X30" t="s">
        <v>197</v>
      </c>
    </row>
    <row r="31" spans="1:24" x14ac:dyDescent="0.25">
      <c r="A31" t="s">
        <v>198</v>
      </c>
      <c r="B31" t="s">
        <v>22</v>
      </c>
      <c r="C31" t="s">
        <v>211</v>
      </c>
      <c r="D31" t="s">
        <v>25</v>
      </c>
      <c r="E31" t="s">
        <v>26</v>
      </c>
      <c r="F31">
        <v>300718847</v>
      </c>
      <c r="G31" t="s">
        <v>27</v>
      </c>
      <c r="H31">
        <v>3413</v>
      </c>
      <c r="I31">
        <v>163</v>
      </c>
      <c r="J31">
        <v>20</v>
      </c>
      <c r="K31">
        <v>0</v>
      </c>
      <c r="L31">
        <v>0</v>
      </c>
      <c r="M31" t="s">
        <v>28</v>
      </c>
      <c r="N31">
        <v>229</v>
      </c>
      <c r="O31" t="s">
        <v>25</v>
      </c>
      <c r="P31" t="s">
        <v>25</v>
      </c>
      <c r="Q31" t="s">
        <v>25</v>
      </c>
      <c r="R31" t="s">
        <v>199</v>
      </c>
      <c r="S31">
        <v>618981</v>
      </c>
      <c r="T31" t="s">
        <v>200</v>
      </c>
      <c r="U31" t="s">
        <v>201</v>
      </c>
      <c r="V31" t="s">
        <v>25</v>
      </c>
      <c r="W31" t="s">
        <v>202</v>
      </c>
      <c r="X31" t="s">
        <v>203</v>
      </c>
    </row>
    <row r="32" spans="1:24" x14ac:dyDescent="0.25">
      <c r="A32" t="s">
        <v>204</v>
      </c>
      <c r="B32" t="s">
        <v>22</v>
      </c>
      <c r="C32" t="s">
        <v>211</v>
      </c>
      <c r="D32" t="s">
        <v>25</v>
      </c>
      <c r="E32" t="s">
        <v>26</v>
      </c>
      <c r="F32">
        <v>300849684</v>
      </c>
      <c r="G32" t="s">
        <v>27</v>
      </c>
      <c r="H32">
        <v>3413</v>
      </c>
      <c r="I32">
        <v>163</v>
      </c>
      <c r="J32">
        <v>13</v>
      </c>
      <c r="K32">
        <v>0</v>
      </c>
      <c r="L32">
        <v>0</v>
      </c>
      <c r="M32" t="s">
        <v>28</v>
      </c>
      <c r="N32">
        <v>175</v>
      </c>
      <c r="O32" t="s">
        <v>205</v>
      </c>
      <c r="P32" t="s">
        <v>25</v>
      </c>
      <c r="Q32" t="s">
        <v>25</v>
      </c>
      <c r="R32" t="s">
        <v>206</v>
      </c>
      <c r="S32">
        <v>618920</v>
      </c>
      <c r="T32" t="s">
        <v>207</v>
      </c>
      <c r="U32" t="s">
        <v>208</v>
      </c>
      <c r="V32" t="s">
        <v>25</v>
      </c>
      <c r="W32" t="s">
        <v>209</v>
      </c>
      <c r="X32" t="s">
        <v>210</v>
      </c>
    </row>
  </sheetData>
  <autoFilter ref="A1:X32"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D6C8109D4AB0A43A9B75FA587A003F0" ma:contentTypeVersion="16" ma:contentTypeDescription="Create a new document." ma:contentTypeScope="" ma:versionID="3757bdfbd8cb09623f0a561906ef75af">
  <xsd:schema xmlns:xsd="http://www.w3.org/2001/XMLSchema" xmlns:xs="http://www.w3.org/2001/XMLSchema" xmlns:p="http://schemas.microsoft.com/office/2006/metadata/properties" xmlns:ns2="d57d22af-6014-4159-8ab7-c734bc00900a" xmlns:ns3="b8415b78-47ee-4209-b494-90825f5718aa" targetNamespace="http://schemas.microsoft.com/office/2006/metadata/properties" ma:root="true" ma:fieldsID="073905d7bbeee649d799f79aeee7846a" ns2:_="" ns3:_="">
    <xsd:import namespace="d57d22af-6014-4159-8ab7-c734bc00900a"/>
    <xsd:import namespace="b8415b78-47ee-4209-b494-90825f5718aa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Location" minOccurs="0"/>
                <xsd:element ref="ns2:MediaServiceOCR" minOccurs="0"/>
                <xsd:element ref="ns3:SharedWithUsers" minOccurs="0"/>
                <xsd:element ref="ns3:SharedWithDetails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3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57d22af-6014-4159-8ab7-c734bc00900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1" nillable="true" ma:displayName="Location" ma:internalName="MediaServiceLocation" ma:readOnly="true">
      <xsd:simpleType>
        <xsd:restriction base="dms:Text"/>
      </xsd:simpleType>
    </xsd:element>
    <xsd:element name="MediaServiceOCR" ma:index="12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21" nillable="true" ma:taxonomy="true" ma:internalName="lcf76f155ced4ddcb4097134ff3c332f" ma:taxonomyFieldName="MediaServiceImageTags" ma:displayName="Image Tags" ma:readOnly="false" ma:fieldId="{5cf76f15-5ced-4ddc-b409-7134ff3c332f}" ma:taxonomyMulti="true" ma:sspId="6478d8c1-9e68-40a3-81e7-d61b59c0d2d2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8415b78-47ee-4209-b494-90825f5718aa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2" nillable="true" ma:displayName="Taxonomy Catch All Column" ma:hidden="true" ma:list="{5cc215a2-f472-45a8-9281-ca4da17892c6}" ma:internalName="TaxCatchAll" ma:showField="CatchAllData" ma:web="b8415b78-47ee-4209-b494-90825f5718aa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17BF59A-186D-427D-89A4-D9E352F5AD2E}"/>
</file>

<file path=customXml/itemProps2.xml><?xml version="1.0" encoding="utf-8"?>
<ds:datastoreItem xmlns:ds="http://schemas.openxmlformats.org/officeDocument/2006/customXml" ds:itemID="{AD2877DC-CA7C-44BA-A543-87F5F0B5494B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1</vt:i4>
      </vt:variant>
    </vt:vector>
  </HeadingPairs>
  <TitlesOfParts>
    <vt:vector size="1" baseType="lpstr">
      <vt:lpstr>features (32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it Eggen Helmersen</dc:creator>
  <cp:lastModifiedBy>Marit Eggen Helmersen</cp:lastModifiedBy>
  <dcterms:created xsi:type="dcterms:W3CDTF">2023-03-28T15:05:51Z</dcterms:created>
  <dcterms:modified xsi:type="dcterms:W3CDTF">2023-03-28T15:05:51Z</dcterms:modified>
</cp:coreProperties>
</file>